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3地域包括ケアＧ（事業）\16_病棟等[転換]準備経費支援事業費補助\04_公表・周知\再度起案\様式\"/>
    </mc:Choice>
  </mc:AlternateContent>
  <bookViews>
    <workbookView xWindow="480" yWindow="30" windowWidth="8490" windowHeight="4725"/>
  </bookViews>
  <sheets>
    <sheet name="様式５別紙２" sheetId="10" r:id="rId1"/>
  </sheets>
  <externalReferences>
    <externalReference r:id="rId2"/>
  </externalReferences>
  <definedNames>
    <definedName name="事業分類">[1]事業分類・区分!$B$2:$H$2</definedName>
  </definedNames>
  <calcPr calcId="162913"/>
</workbook>
</file>

<file path=xl/calcChain.xml><?xml version="1.0" encoding="utf-8"?>
<calcChain xmlns="http://schemas.openxmlformats.org/spreadsheetml/2006/main">
  <c r="K22" i="10" l="1"/>
  <c r="F22" i="10"/>
  <c r="E22" i="10"/>
  <c r="C22" i="10"/>
  <c r="B22" i="10"/>
  <c r="H11" i="10"/>
  <c r="H22" i="10" s="1"/>
  <c r="G11" i="10"/>
  <c r="G22" i="10" s="1"/>
  <c r="D11" i="10"/>
  <c r="D22" i="10" s="1"/>
  <c r="J11" i="10" l="1"/>
  <c r="J22" i="10" s="1"/>
</calcChain>
</file>

<file path=xl/comments1.xml><?xml version="1.0" encoding="utf-8"?>
<comments xmlns="http://schemas.openxmlformats.org/spreadsheetml/2006/main">
  <authors>
    <author>東京都</author>
  </authors>
  <commentList>
    <comment ref="F11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　前年度に同一補助対象病棟において、補助金の交付を受けていた場合には、その選定額を記載</t>
        </r>
      </text>
    </comment>
  </commentList>
</comments>
</file>

<file path=xl/sharedStrings.xml><?xml version="1.0" encoding="utf-8"?>
<sst xmlns="http://schemas.openxmlformats.org/spreadsheetml/2006/main" count="32" uniqueCount="31"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（Ｆ）</t>
    <phoneticPr fontId="1"/>
  </si>
  <si>
    <t>（Ｇ）</t>
    <phoneticPr fontId="1"/>
  </si>
  <si>
    <t>（Ｈ）</t>
    <phoneticPr fontId="1"/>
  </si>
  <si>
    <t>（補助事業者名）</t>
    <phoneticPr fontId="1"/>
  </si>
  <si>
    <t>総事業費
（予定）</t>
    <rPh sb="0" eb="4">
      <t>ソウジギョウヒ</t>
    </rPh>
    <rPh sb="6" eb="7">
      <t>ヨ</t>
    </rPh>
    <rPh sb="7" eb="8">
      <t>サダム</t>
    </rPh>
    <phoneticPr fontId="1"/>
  </si>
  <si>
    <t>寄附金
その他の収入額　
（予定）</t>
    <rPh sb="0" eb="3">
      <t>キフキン</t>
    </rPh>
    <rPh sb="6" eb="7">
      <t>タ</t>
    </rPh>
    <rPh sb="8" eb="10">
      <t>シュウニュウ</t>
    </rPh>
    <rPh sb="10" eb="11">
      <t>ガク</t>
    </rPh>
    <rPh sb="14" eb="15">
      <t>ヨ</t>
    </rPh>
    <rPh sb="15" eb="16">
      <t>サダム</t>
    </rPh>
    <phoneticPr fontId="1"/>
  </si>
  <si>
    <t>差引事業費
（予定）</t>
    <rPh sb="0" eb="2">
      <t>サシヒ</t>
    </rPh>
    <rPh sb="2" eb="5">
      <t>ジギョウヒ</t>
    </rPh>
    <rPh sb="7" eb="8">
      <t>ヨ</t>
    </rPh>
    <rPh sb="8" eb="9">
      <t>サダム</t>
    </rPh>
    <phoneticPr fontId="1"/>
  </si>
  <si>
    <t>基準額</t>
    <rPh sb="0" eb="1">
      <t>モト</t>
    </rPh>
    <rPh sb="1" eb="2">
      <t>ジュン</t>
    </rPh>
    <rPh sb="2" eb="3">
      <t>ガク</t>
    </rPh>
    <phoneticPr fontId="1"/>
  </si>
  <si>
    <t>前年度の選定額</t>
    <rPh sb="0" eb="3">
      <t>ゼンネンド</t>
    </rPh>
    <rPh sb="4" eb="6">
      <t>センテイ</t>
    </rPh>
    <rPh sb="6" eb="7">
      <t>ガク</t>
    </rPh>
    <phoneticPr fontId="1"/>
  </si>
  <si>
    <t>基準額（差引後）</t>
    <rPh sb="0" eb="2">
      <t>キジュン</t>
    </rPh>
    <rPh sb="2" eb="3">
      <t>ガク</t>
    </rPh>
    <rPh sb="4" eb="6">
      <t>サシヒキ</t>
    </rPh>
    <rPh sb="6" eb="7">
      <t>ゴ</t>
    </rPh>
    <phoneticPr fontId="1"/>
  </si>
  <si>
    <t>選定額</t>
    <rPh sb="0" eb="1">
      <t>セン</t>
    </rPh>
    <rPh sb="1" eb="2">
      <t>サダム</t>
    </rPh>
    <rPh sb="2" eb="3">
      <t>ガク</t>
    </rPh>
    <phoneticPr fontId="1"/>
  </si>
  <si>
    <t>補助率</t>
    <rPh sb="0" eb="3">
      <t>ホジョリツ</t>
    </rPh>
    <phoneticPr fontId="1"/>
  </si>
  <si>
    <t>補助
所要額
(Ｆ)×(Ｇ)</t>
    <rPh sb="0" eb="2">
      <t>ホジョ</t>
    </rPh>
    <rPh sb="3" eb="4">
      <t>トコロ</t>
    </rPh>
    <rPh sb="4" eb="5">
      <t>ヨウ</t>
    </rPh>
    <rPh sb="5" eb="6">
      <t>ガク</t>
    </rPh>
    <phoneticPr fontId="1"/>
  </si>
  <si>
    <t>備考</t>
    <rPh sb="0" eb="1">
      <t>ソナエ</t>
    </rPh>
    <rPh sb="1" eb="2">
      <t>コウ</t>
    </rPh>
    <phoneticPr fontId="1"/>
  </si>
  <si>
    <t>Ａ－Ｂ</t>
    <phoneticPr fontId="1"/>
  </si>
  <si>
    <t>（Ｄ）－（Ｅ）</t>
    <phoneticPr fontId="1"/>
  </si>
  <si>
    <t>交付決定額</t>
    <rPh sb="0" eb="2">
      <t>コウフ</t>
    </rPh>
    <rPh sb="2" eb="4">
      <t>ケッテイ</t>
    </rPh>
    <rPh sb="4" eb="5">
      <t>ガク</t>
    </rPh>
    <phoneticPr fontId="1"/>
  </si>
  <si>
    <t>（I）</t>
    <phoneticPr fontId="1"/>
  </si>
  <si>
    <t>経　費　積　算　額　精　算　書</t>
    <rPh sb="0" eb="1">
      <t>キョウ</t>
    </rPh>
    <rPh sb="2" eb="3">
      <t>ヒ</t>
    </rPh>
    <rPh sb="4" eb="5">
      <t>セキ</t>
    </rPh>
    <rPh sb="6" eb="7">
      <t>サン</t>
    </rPh>
    <rPh sb="8" eb="9">
      <t>ガク</t>
    </rPh>
    <rPh sb="10" eb="11">
      <t>セイ</t>
    </rPh>
    <rPh sb="12" eb="13">
      <t>サン</t>
    </rPh>
    <rPh sb="14" eb="15">
      <t>ショ</t>
    </rPh>
    <phoneticPr fontId="1"/>
  </si>
  <si>
    <t>　</t>
    <phoneticPr fontId="1"/>
  </si>
  <si>
    <t>　　　　</t>
    <phoneticPr fontId="1"/>
  </si>
  <si>
    <t>　　　</t>
    <phoneticPr fontId="1"/>
  </si>
  <si>
    <t>　　</t>
    <phoneticPr fontId="1"/>
  </si>
  <si>
    <t>　</t>
    <phoneticPr fontId="1"/>
  </si>
  <si>
    <t>（注）１　（Ｆ）「選定額」欄には、（Ｃ）「差引事業費（予定）」欄と（Ｄ）「基準額」欄とを比較して少ない方の額を記入すること。
　　　２　（Ｈ）「補助所要額」欄の算出にあたっては１，０００円未満の端数が生じた場合には、これを切り捨てるものとする。
　　　３　備考欄には算出方法を記入すること（対象となる職員の配置期間が通算して１年に満たない場合は、その雇用状況や算出方法等も記載すること。）</t>
    <rPh sb="1" eb="2">
      <t>チュウ</t>
    </rPh>
    <phoneticPr fontId="1"/>
  </si>
  <si>
    <t>様式５別紙２</t>
    <rPh sb="0" eb="2">
      <t>ヨウシキ</t>
    </rPh>
    <rPh sb="3" eb="5">
      <t>ベ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1"/>
      <color indexed="18"/>
      <name val="ＭＳ 明朝"/>
      <family val="1"/>
      <charset val="128"/>
    </font>
    <font>
      <sz val="10"/>
      <color indexed="56"/>
      <name val="ＭＳ 明朝"/>
      <family val="1"/>
      <charset val="128"/>
    </font>
    <font>
      <b/>
      <sz val="9"/>
      <color indexed="81"/>
      <name val="MS P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1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</borders>
  <cellStyleXfs count="2">
    <xf numFmtId="0" fontId="0" fillId="0" borderId="0"/>
    <xf numFmtId="38" fontId="4" fillId="0" borderId="0" applyFont="0" applyFill="0" applyBorder="0" applyAlignment="0" applyProtection="0"/>
  </cellStyleXfs>
  <cellXfs count="66">
    <xf numFmtId="0" fontId="0" fillId="0" borderId="0" xfId="0"/>
    <xf numFmtId="0" fontId="2" fillId="0" borderId="0" xfId="0" applyFont="1"/>
    <xf numFmtId="0" fontId="3" fillId="0" borderId="0" xfId="0" applyFont="1" applyAlignment="1">
      <alignment horizontal="center"/>
    </xf>
    <xf numFmtId="0" fontId="0" fillId="0" borderId="0" xfId="0" applyFont="1"/>
    <xf numFmtId="0" fontId="5" fillId="0" borderId="0" xfId="0" applyFont="1" applyAlignment="1">
      <alignment vertical="center"/>
    </xf>
    <xf numFmtId="0" fontId="5" fillId="2" borderId="1" xfId="0" applyFont="1" applyFill="1" applyBorder="1" applyAlignment="1">
      <alignment vertical="center"/>
    </xf>
    <xf numFmtId="0" fontId="6" fillId="0" borderId="0" xfId="0" applyFont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5" fillId="0" borderId="6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49" fontId="5" fillId="0" borderId="8" xfId="0" applyNumberFormat="1" applyFont="1" applyBorder="1" applyAlignment="1">
      <alignment horizontal="center" vertical="center"/>
    </xf>
    <xf numFmtId="49" fontId="5" fillId="0" borderId="9" xfId="0" applyNumberFormat="1" applyFont="1" applyBorder="1" applyAlignment="1">
      <alignment horizontal="center" vertical="center"/>
    </xf>
    <xf numFmtId="49" fontId="5" fillId="0" borderId="11" xfId="0" applyNumberFormat="1" applyFont="1" applyBorder="1" applyAlignment="1">
      <alignment horizontal="center" vertical="center"/>
    </xf>
    <xf numFmtId="49" fontId="5" fillId="0" borderId="4" xfId="0" applyNumberFormat="1" applyFont="1" applyBorder="1" applyAlignment="1">
      <alignment vertical="center"/>
    </xf>
    <xf numFmtId="38" fontId="5" fillId="0" borderId="12" xfId="1" applyFont="1" applyFill="1" applyBorder="1" applyAlignment="1">
      <alignment vertical="center"/>
    </xf>
    <xf numFmtId="38" fontId="5" fillId="0" borderId="15" xfId="1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49" fontId="5" fillId="0" borderId="10" xfId="0" applyNumberFormat="1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38" fontId="5" fillId="0" borderId="0" xfId="1" applyFont="1" applyFill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0" fontId="5" fillId="0" borderId="0" xfId="0" applyFont="1" applyAlignment="1">
      <alignment horizontal="left"/>
    </xf>
    <xf numFmtId="0" fontId="5" fillId="0" borderId="0" xfId="0" applyFont="1" applyAlignment="1"/>
    <xf numFmtId="0" fontId="5" fillId="0" borderId="0" xfId="0" applyFont="1" applyBorder="1" applyAlignment="1">
      <alignment vertical="center"/>
    </xf>
    <xf numFmtId="0" fontId="5" fillId="0" borderId="16" xfId="0" applyFont="1" applyBorder="1" applyAlignment="1">
      <alignment vertical="center"/>
    </xf>
    <xf numFmtId="0" fontId="0" fillId="0" borderId="16" xfId="0" applyFont="1" applyBorder="1" applyAlignment="1">
      <alignment vertical="center"/>
    </xf>
    <xf numFmtId="38" fontId="5" fillId="0" borderId="0" xfId="1" applyFont="1" applyFill="1" applyBorder="1" applyAlignment="1">
      <alignment horizontal="left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38" fontId="5" fillId="2" borderId="5" xfId="1" applyFont="1" applyFill="1" applyBorder="1" applyAlignment="1">
      <alignment horizontal="right" vertical="center"/>
    </xf>
    <xf numFmtId="38" fontId="5" fillId="2" borderId="8" xfId="1" applyFont="1" applyFill="1" applyBorder="1" applyAlignment="1">
      <alignment horizontal="right" vertical="center"/>
    </xf>
    <xf numFmtId="38" fontId="5" fillId="2" borderId="12" xfId="1" applyFont="1" applyFill="1" applyBorder="1" applyAlignment="1">
      <alignment horizontal="right" vertical="center"/>
    </xf>
    <xf numFmtId="0" fontId="5" fillId="2" borderId="6" xfId="0" applyFont="1" applyFill="1" applyBorder="1" applyAlignment="1">
      <alignment horizontal="right" vertical="center"/>
    </xf>
    <xf numFmtId="0" fontId="5" fillId="2" borderId="9" xfId="0" applyFont="1" applyFill="1" applyBorder="1" applyAlignment="1">
      <alignment horizontal="right" vertical="center"/>
    </xf>
    <xf numFmtId="0" fontId="5" fillId="2" borderId="13" xfId="0" applyFont="1" applyFill="1" applyBorder="1" applyAlignment="1">
      <alignment horizontal="right" vertical="center"/>
    </xf>
    <xf numFmtId="38" fontId="5" fillId="0" borderId="6" xfId="1" applyFont="1" applyBorder="1" applyAlignment="1">
      <alignment horizontal="right" vertical="center"/>
    </xf>
    <xf numFmtId="38" fontId="5" fillId="0" borderId="9" xfId="1" applyFont="1" applyBorder="1" applyAlignment="1">
      <alignment horizontal="right" vertical="center"/>
    </xf>
    <xf numFmtId="38" fontId="5" fillId="0" borderId="13" xfId="1" applyFont="1" applyBorder="1" applyAlignment="1">
      <alignment horizontal="right" vertical="center"/>
    </xf>
    <xf numFmtId="38" fontId="5" fillId="2" borderId="6" xfId="1" applyFont="1" applyFill="1" applyBorder="1" applyAlignment="1">
      <alignment horizontal="right" vertical="center"/>
    </xf>
    <xf numFmtId="38" fontId="5" fillId="2" borderId="9" xfId="1" applyFont="1" applyFill="1" applyBorder="1" applyAlignment="1">
      <alignment horizontal="right" vertical="center"/>
    </xf>
    <xf numFmtId="38" fontId="5" fillId="2" borderId="13" xfId="1" applyFont="1" applyFill="1" applyBorder="1" applyAlignment="1">
      <alignment horizontal="right" vertical="center"/>
    </xf>
    <xf numFmtId="3" fontId="5" fillId="3" borderId="6" xfId="0" applyNumberFormat="1" applyFont="1" applyFill="1" applyBorder="1" applyAlignment="1">
      <alignment horizontal="right" vertical="center"/>
    </xf>
    <xf numFmtId="3" fontId="5" fillId="3" borderId="9" xfId="0" applyNumberFormat="1" applyFont="1" applyFill="1" applyBorder="1" applyAlignment="1">
      <alignment horizontal="right" vertical="center"/>
    </xf>
    <xf numFmtId="3" fontId="5" fillId="3" borderId="13" xfId="0" applyNumberFormat="1" applyFont="1" applyFill="1" applyBorder="1" applyAlignment="1">
      <alignment horizontal="right" vertical="center"/>
    </xf>
    <xf numFmtId="12" fontId="5" fillId="0" borderId="6" xfId="0" applyNumberFormat="1" applyFont="1" applyBorder="1" applyAlignment="1">
      <alignment horizontal="center" vertical="center"/>
    </xf>
    <xf numFmtId="12" fontId="5" fillId="0" borderId="9" xfId="0" applyNumberFormat="1" applyFont="1" applyBorder="1" applyAlignment="1">
      <alignment horizontal="center" vertical="center"/>
    </xf>
    <xf numFmtId="12" fontId="5" fillId="0" borderId="13" xfId="0" applyNumberFormat="1" applyFont="1" applyBorder="1" applyAlignment="1">
      <alignment horizontal="center" vertical="center"/>
    </xf>
    <xf numFmtId="38" fontId="5" fillId="0" borderId="17" xfId="1" applyFont="1" applyBorder="1" applyAlignment="1">
      <alignment horizontal="right" vertical="center"/>
    </xf>
    <xf numFmtId="38" fontId="5" fillId="0" borderId="11" xfId="1" applyFont="1" applyBorder="1" applyAlignment="1">
      <alignment horizontal="right" vertical="center"/>
    </xf>
    <xf numFmtId="38" fontId="5" fillId="0" borderId="18" xfId="1" applyFont="1" applyBorder="1" applyAlignment="1">
      <alignment horizontal="right" vertical="center"/>
    </xf>
    <xf numFmtId="0" fontId="5" fillId="2" borderId="2" xfId="0" applyFont="1" applyFill="1" applyBorder="1" applyAlignment="1">
      <alignment horizontal="center" vertical="center" wrapText="1"/>
    </xf>
    <xf numFmtId="0" fontId="5" fillId="2" borderId="4" xfId="0" applyFont="1" applyFill="1" applyBorder="1" applyAlignment="1">
      <alignment horizontal="center" vertical="center" wrapText="1"/>
    </xf>
    <xf numFmtId="0" fontId="5" fillId="2" borderId="3" xfId="0" applyFont="1" applyFill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38" fontId="5" fillId="2" borderId="7" xfId="1" applyFont="1" applyFill="1" applyBorder="1" applyAlignment="1">
      <alignment horizontal="center" vertical="center"/>
    </xf>
    <xf numFmtId="38" fontId="5" fillId="2" borderId="10" xfId="1" applyFont="1" applyFill="1" applyBorder="1" applyAlignment="1">
      <alignment horizontal="center" vertical="center"/>
    </xf>
    <xf numFmtId="38" fontId="5" fillId="2" borderId="14" xfId="1" applyFont="1" applyFill="1" applyBorder="1" applyAlignment="1">
      <alignment horizontal="center" vertical="center"/>
    </xf>
    <xf numFmtId="0" fontId="5" fillId="0" borderId="5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3" fillId="0" borderId="0" xfId="0" applyFont="1" applyAlignment="1">
      <alignment horizontal="center"/>
    </xf>
  </cellXfs>
  <cellStyles count="2">
    <cellStyle name="桁区切り 2" xfId="1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29"/>
  <sheetViews>
    <sheetView tabSelected="1" workbookViewId="0">
      <selection activeCell="C29" sqref="C29"/>
    </sheetView>
  </sheetViews>
  <sheetFormatPr defaultColWidth="9" defaultRowHeight="12"/>
  <cols>
    <col min="1" max="1" width="1.5" style="1" customWidth="1"/>
    <col min="2" max="2" width="16.375" style="1" customWidth="1"/>
    <col min="3" max="12" width="14.75" style="1" customWidth="1"/>
    <col min="13" max="16384" width="9" style="1"/>
  </cols>
  <sheetData>
    <row r="1" spans="1:13" ht="13.5">
      <c r="A1" s="3" t="s">
        <v>30</v>
      </c>
    </row>
    <row r="3" spans="1:13" ht="17.25">
      <c r="A3" s="65" t="s">
        <v>23</v>
      </c>
      <c r="B3" s="65"/>
      <c r="C3" s="65"/>
      <c r="D3" s="65"/>
      <c r="E3" s="65"/>
      <c r="F3" s="65"/>
      <c r="G3" s="65"/>
      <c r="H3" s="65"/>
      <c r="I3" s="65"/>
      <c r="J3" s="65"/>
      <c r="K3" s="65"/>
      <c r="L3" s="65"/>
    </row>
    <row r="4" spans="1:13" ht="17.25">
      <c r="A4" s="2"/>
      <c r="B4" s="2"/>
      <c r="C4" s="2"/>
      <c r="D4" s="2"/>
      <c r="E4" s="2"/>
      <c r="F4" s="2"/>
      <c r="G4" s="2"/>
      <c r="H4" s="2"/>
      <c r="I4" s="2"/>
    </row>
    <row r="6" spans="1:13" s="4" customFormat="1" ht="13.5">
      <c r="H6" s="5" t="s">
        <v>8</v>
      </c>
      <c r="I6" s="5"/>
      <c r="J6" s="5"/>
      <c r="K6" s="5"/>
      <c r="L6" s="5"/>
      <c r="M6" s="6"/>
    </row>
    <row r="7" spans="1:13" s="4" customFormat="1" ht="13.5">
      <c r="L7" s="7"/>
      <c r="M7" s="8"/>
    </row>
    <row r="8" spans="1:13" s="4" customFormat="1" ht="39.6" customHeight="1">
      <c r="A8" s="25"/>
      <c r="B8" s="61" t="s">
        <v>9</v>
      </c>
      <c r="C8" s="63" t="s">
        <v>10</v>
      </c>
      <c r="D8" s="9" t="s">
        <v>11</v>
      </c>
      <c r="E8" s="63" t="s">
        <v>12</v>
      </c>
      <c r="F8" s="63" t="s">
        <v>13</v>
      </c>
      <c r="G8" s="63" t="s">
        <v>14</v>
      </c>
      <c r="H8" s="63" t="s">
        <v>15</v>
      </c>
      <c r="I8" s="63" t="s">
        <v>16</v>
      </c>
      <c r="J8" s="28" t="s">
        <v>17</v>
      </c>
      <c r="K8" s="56" t="s">
        <v>21</v>
      </c>
      <c r="L8" s="30" t="s">
        <v>18</v>
      </c>
    </row>
    <row r="9" spans="1:13" s="4" customFormat="1" ht="13.5">
      <c r="A9" s="25"/>
      <c r="B9" s="62"/>
      <c r="C9" s="64"/>
      <c r="D9" s="10" t="s">
        <v>19</v>
      </c>
      <c r="E9" s="64"/>
      <c r="F9" s="64"/>
      <c r="G9" s="64"/>
      <c r="H9" s="64"/>
      <c r="I9" s="64"/>
      <c r="J9" s="29"/>
      <c r="K9" s="57"/>
      <c r="L9" s="31"/>
    </row>
    <row r="10" spans="1:13" s="4" customFormat="1" ht="13.5">
      <c r="A10" s="25"/>
      <c r="B10" s="11" t="s">
        <v>0</v>
      </c>
      <c r="C10" s="12" t="s">
        <v>1</v>
      </c>
      <c r="D10" s="12" t="s">
        <v>2</v>
      </c>
      <c r="E10" s="12" t="s">
        <v>3</v>
      </c>
      <c r="F10" s="12" t="s">
        <v>4</v>
      </c>
      <c r="G10" s="12" t="s">
        <v>20</v>
      </c>
      <c r="H10" s="12" t="s">
        <v>5</v>
      </c>
      <c r="I10" s="13" t="s">
        <v>6</v>
      </c>
      <c r="J10" s="13" t="s">
        <v>7</v>
      </c>
      <c r="K10" s="18" t="s">
        <v>22</v>
      </c>
      <c r="L10" s="14"/>
    </row>
    <row r="11" spans="1:13" s="4" customFormat="1" ht="13.5">
      <c r="A11" s="25"/>
      <c r="B11" s="32"/>
      <c r="C11" s="35">
        <v>0</v>
      </c>
      <c r="D11" s="38">
        <f>B11-C11</f>
        <v>0</v>
      </c>
      <c r="E11" s="41"/>
      <c r="F11" s="35">
        <v>0</v>
      </c>
      <c r="G11" s="44">
        <f>E11-F11</f>
        <v>0</v>
      </c>
      <c r="H11" s="38">
        <f>MIN(D11,G11)</f>
        <v>0</v>
      </c>
      <c r="I11" s="47">
        <v>0.75</v>
      </c>
      <c r="J11" s="50">
        <f>ROUNDDOWN(H11*I11,-3)</f>
        <v>0</v>
      </c>
      <c r="K11" s="58"/>
      <c r="L11" s="53"/>
    </row>
    <row r="12" spans="1:13" s="4" customFormat="1" ht="13.5">
      <c r="A12" s="25"/>
      <c r="B12" s="33"/>
      <c r="C12" s="36"/>
      <c r="D12" s="39"/>
      <c r="E12" s="42"/>
      <c r="F12" s="36"/>
      <c r="G12" s="45"/>
      <c r="H12" s="39"/>
      <c r="I12" s="48"/>
      <c r="J12" s="51"/>
      <c r="K12" s="59"/>
      <c r="L12" s="54"/>
    </row>
    <row r="13" spans="1:13" s="4" customFormat="1" ht="13.5">
      <c r="A13" s="25"/>
      <c r="B13" s="33"/>
      <c r="C13" s="36"/>
      <c r="D13" s="39"/>
      <c r="E13" s="42"/>
      <c r="F13" s="36"/>
      <c r="G13" s="45"/>
      <c r="H13" s="39"/>
      <c r="I13" s="48"/>
      <c r="J13" s="51"/>
      <c r="K13" s="59"/>
      <c r="L13" s="54"/>
    </row>
    <row r="14" spans="1:13" s="4" customFormat="1" ht="13.5">
      <c r="A14" s="25"/>
      <c r="B14" s="33"/>
      <c r="C14" s="36"/>
      <c r="D14" s="39"/>
      <c r="E14" s="42"/>
      <c r="F14" s="36"/>
      <c r="G14" s="45"/>
      <c r="H14" s="39"/>
      <c r="I14" s="48"/>
      <c r="J14" s="51"/>
      <c r="K14" s="59"/>
      <c r="L14" s="54"/>
    </row>
    <row r="15" spans="1:13" s="4" customFormat="1" ht="13.5">
      <c r="A15" s="26"/>
      <c r="B15" s="33"/>
      <c r="C15" s="36"/>
      <c r="D15" s="39"/>
      <c r="E15" s="42"/>
      <c r="F15" s="36"/>
      <c r="G15" s="45"/>
      <c r="H15" s="39"/>
      <c r="I15" s="48"/>
      <c r="J15" s="51"/>
      <c r="K15" s="59"/>
      <c r="L15" s="54"/>
    </row>
    <row r="16" spans="1:13" s="4" customFormat="1" ht="13.5">
      <c r="A16" s="26"/>
      <c r="B16" s="33"/>
      <c r="C16" s="36"/>
      <c r="D16" s="39"/>
      <c r="E16" s="42"/>
      <c r="F16" s="36"/>
      <c r="G16" s="45"/>
      <c r="H16" s="39"/>
      <c r="I16" s="48"/>
      <c r="J16" s="51"/>
      <c r="K16" s="59"/>
      <c r="L16" s="54"/>
    </row>
    <row r="17" spans="1:13" s="4" customFormat="1" ht="13.5">
      <c r="A17" s="26"/>
      <c r="B17" s="33"/>
      <c r="C17" s="36"/>
      <c r="D17" s="39"/>
      <c r="E17" s="42"/>
      <c r="F17" s="36"/>
      <c r="G17" s="45"/>
      <c r="H17" s="39"/>
      <c r="I17" s="48"/>
      <c r="J17" s="51"/>
      <c r="K17" s="59"/>
      <c r="L17" s="54"/>
    </row>
    <row r="18" spans="1:13" s="4" customFormat="1" ht="13.5">
      <c r="A18" s="26"/>
      <c r="B18" s="33"/>
      <c r="C18" s="36"/>
      <c r="D18" s="39"/>
      <c r="E18" s="42"/>
      <c r="F18" s="36"/>
      <c r="G18" s="45"/>
      <c r="H18" s="39"/>
      <c r="I18" s="48"/>
      <c r="J18" s="51"/>
      <c r="K18" s="59"/>
      <c r="L18" s="54"/>
    </row>
    <row r="19" spans="1:13" s="4" customFormat="1" ht="13.5">
      <c r="A19" s="26"/>
      <c r="B19" s="33"/>
      <c r="C19" s="36"/>
      <c r="D19" s="39"/>
      <c r="E19" s="42"/>
      <c r="F19" s="36"/>
      <c r="G19" s="45"/>
      <c r="H19" s="39"/>
      <c r="I19" s="48"/>
      <c r="J19" s="51"/>
      <c r="K19" s="59"/>
      <c r="L19" s="54"/>
    </row>
    <row r="20" spans="1:13" s="4" customFormat="1" ht="13.5">
      <c r="A20" s="26"/>
      <c r="B20" s="33"/>
      <c r="C20" s="36"/>
      <c r="D20" s="39"/>
      <c r="E20" s="42"/>
      <c r="F20" s="36"/>
      <c r="G20" s="45"/>
      <c r="H20" s="39"/>
      <c r="I20" s="48"/>
      <c r="J20" s="51"/>
      <c r="K20" s="59"/>
      <c r="L20" s="54"/>
    </row>
    <row r="21" spans="1:13" s="4" customFormat="1" ht="13.5">
      <c r="A21" s="26"/>
      <c r="B21" s="34"/>
      <c r="C21" s="37"/>
      <c r="D21" s="40"/>
      <c r="E21" s="43"/>
      <c r="F21" s="37"/>
      <c r="G21" s="46"/>
      <c r="H21" s="40"/>
      <c r="I21" s="49"/>
      <c r="J21" s="52"/>
      <c r="K21" s="60"/>
      <c r="L21" s="55"/>
    </row>
    <row r="22" spans="1:13" s="4" customFormat="1" ht="13.5">
      <c r="A22" s="26"/>
      <c r="B22" s="15">
        <f>SUM(B11)</f>
        <v>0</v>
      </c>
      <c r="C22" s="16">
        <f t="shared" ref="C22:H22" si="0">SUM(C11)</f>
        <v>0</v>
      </c>
      <c r="D22" s="16">
        <f>SUM(D11)</f>
        <v>0</v>
      </c>
      <c r="E22" s="16">
        <f>SUM(E11)</f>
        <v>0</v>
      </c>
      <c r="F22" s="16">
        <f t="shared" si="0"/>
        <v>0</v>
      </c>
      <c r="G22" s="16">
        <f t="shared" si="0"/>
        <v>0</v>
      </c>
      <c r="H22" s="16">
        <f t="shared" si="0"/>
        <v>0</v>
      </c>
      <c r="I22" s="16"/>
      <c r="J22" s="16">
        <f>SUM(J11)</f>
        <v>0</v>
      </c>
      <c r="K22" s="16">
        <f>SUM(K11)</f>
        <v>0</v>
      </c>
      <c r="L22" s="17"/>
    </row>
    <row r="23" spans="1:13" s="4" customFormat="1" ht="3.6" customHeight="1">
      <c r="A23" s="19"/>
      <c r="B23" s="20"/>
      <c r="C23" s="20"/>
      <c r="D23" s="20"/>
      <c r="E23" s="20"/>
      <c r="F23" s="20"/>
      <c r="G23" s="20"/>
      <c r="H23" s="20"/>
      <c r="I23" s="20"/>
      <c r="J23" s="20"/>
      <c r="K23" s="20"/>
      <c r="L23" s="21"/>
    </row>
    <row r="24" spans="1:13" s="4" customFormat="1" ht="52.9" customHeight="1">
      <c r="A24" s="19"/>
      <c r="B24" s="27" t="s">
        <v>29</v>
      </c>
      <c r="C24" s="27"/>
      <c r="D24" s="27"/>
      <c r="E24" s="27"/>
      <c r="F24" s="27"/>
      <c r="G24" s="27"/>
      <c r="H24" s="27"/>
      <c r="I24" s="27"/>
      <c r="J24" s="27"/>
      <c r="K24" s="27"/>
      <c r="L24" s="27"/>
    </row>
    <row r="25" spans="1:13" ht="13.9" customHeight="1">
      <c r="A25" s="23" t="s">
        <v>24</v>
      </c>
      <c r="B25" s="23" t="s">
        <v>28</v>
      </c>
      <c r="C25" s="23"/>
      <c r="D25" s="23"/>
      <c r="E25" s="23"/>
      <c r="F25" s="23"/>
      <c r="G25" s="23"/>
      <c r="H25" s="23"/>
      <c r="I25" s="23"/>
      <c r="J25" s="23"/>
      <c r="K25" s="23"/>
      <c r="L25" s="4"/>
      <c r="M25" s="4"/>
    </row>
    <row r="26" spans="1:13" ht="13.9" customHeight="1">
      <c r="A26" s="22" t="s">
        <v>25</v>
      </c>
      <c r="B26" s="22"/>
      <c r="C26" s="22"/>
      <c r="D26" s="22"/>
      <c r="E26" s="22"/>
      <c r="F26" s="22"/>
      <c r="G26" s="22"/>
      <c r="H26" s="22"/>
      <c r="I26" s="22"/>
      <c r="J26" s="22"/>
      <c r="K26" s="22"/>
      <c r="L26" s="4"/>
      <c r="M26" s="4"/>
    </row>
    <row r="27" spans="1:13" ht="13.9" customHeight="1">
      <c r="A27" s="22" t="s">
        <v>26</v>
      </c>
      <c r="B27" s="22"/>
      <c r="C27" s="22"/>
      <c r="D27" s="22"/>
      <c r="E27" s="22"/>
      <c r="F27" s="22"/>
      <c r="G27" s="22"/>
      <c r="H27" s="22"/>
      <c r="I27" s="22"/>
      <c r="J27" s="22"/>
      <c r="K27" s="22"/>
      <c r="L27" s="4"/>
      <c r="M27" s="4"/>
    </row>
    <row r="28" spans="1:13" ht="13.15" customHeight="1">
      <c r="A28" s="23" t="s">
        <v>27</v>
      </c>
      <c r="B28" s="23"/>
      <c r="C28" s="23"/>
      <c r="D28" s="23"/>
      <c r="E28" s="23"/>
      <c r="F28" s="23"/>
      <c r="G28" s="23"/>
      <c r="H28" s="23"/>
      <c r="I28" s="23"/>
      <c r="J28" s="23"/>
      <c r="K28" s="23"/>
      <c r="L28" s="4"/>
      <c r="M28" s="4"/>
    </row>
    <row r="29" spans="1:13" ht="13.15" customHeight="1">
      <c r="A29" s="24" t="s">
        <v>24</v>
      </c>
      <c r="B29" s="24"/>
      <c r="C29" s="24"/>
      <c r="D29" s="24"/>
      <c r="E29" s="24"/>
      <c r="F29" s="24"/>
      <c r="G29" s="24"/>
      <c r="H29" s="24"/>
      <c r="I29" s="24"/>
      <c r="J29" s="24"/>
      <c r="K29" s="24"/>
      <c r="L29" s="24"/>
      <c r="M29" s="24"/>
    </row>
  </sheetData>
  <mergeCells count="23">
    <mergeCell ref="I8:I9"/>
    <mergeCell ref="A3:L3"/>
    <mergeCell ref="C8:C9"/>
    <mergeCell ref="E8:E9"/>
    <mergeCell ref="F8:F9"/>
    <mergeCell ref="G8:G9"/>
    <mergeCell ref="H8:H9"/>
    <mergeCell ref="B24:L24"/>
    <mergeCell ref="J8:J9"/>
    <mergeCell ref="L8:L9"/>
    <mergeCell ref="B11:B21"/>
    <mergeCell ref="C11:C21"/>
    <mergeCell ref="D11:D21"/>
    <mergeCell ref="E11:E21"/>
    <mergeCell ref="F11:F21"/>
    <mergeCell ref="G11:G21"/>
    <mergeCell ref="H11:H21"/>
    <mergeCell ref="I11:I21"/>
    <mergeCell ref="J11:J21"/>
    <mergeCell ref="L11:L21"/>
    <mergeCell ref="K8:K9"/>
    <mergeCell ref="K11:K21"/>
    <mergeCell ref="B8:B9"/>
  </mergeCells>
  <phoneticPr fontId="1"/>
  <printOptions horizontalCentered="1"/>
  <pageMargins left="0.43307086614173229" right="0.43307086614173229" top="1.1811023622047245" bottom="0.39370078740157483" header="0.51181102362204722" footer="0.51181102362204722"/>
  <pageSetup paperSize="9" scale="83" orientation="landscape" horizontalDpi="300" verticalDpi="300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５別紙２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3-08-01T06:25:58Z</cp:lastPrinted>
  <dcterms:created xsi:type="dcterms:W3CDTF">1997-01-08T22:48:59Z</dcterms:created>
  <dcterms:modified xsi:type="dcterms:W3CDTF">2023-10-31T02:53:21Z</dcterms:modified>
</cp:coreProperties>
</file>